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"/>
  </p:notesMasterIdLst>
  <p:handoutMasterIdLst>
    <p:handoutMasterId r:id="rId4"/>
  </p:handoutMasterIdLst>
  <p:sldIdLst>
    <p:sldId id="258" r:id="rId2"/>
  </p:sldIdLst>
  <p:sldSz cx="12192000" cy="6858000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619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53D4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No Style, Table Grid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306799F8-075E-4A3A-A7F6-7FBC6576F1A4}" styleName="Themed Style 2 - Accent 3">
    <a:tblBg>
      <a:fillRef idx="3">
        <a:schemeClr val="accent3"/>
      </a:fillRef>
      <a:effectRef idx="3">
        <a:schemeClr val="accent3"/>
      </a:effectRef>
    </a:tblBg>
    <a:wholeTbl>
      <a:tcTxStyle>
        <a:fontRef idx="minor">
          <a:scrgbClr r="0" g="0" b="0"/>
        </a:fontRef>
        <a:schemeClr val="lt1"/>
      </a:tcTxStyle>
      <a:tcStyle>
        <a:tcBdr>
          <a:left>
            <a:lnRef idx="1">
              <a:schemeClr val="accent3">
                <a:tint val="50000"/>
              </a:schemeClr>
            </a:lnRef>
          </a:left>
          <a:right>
            <a:lnRef idx="1">
              <a:schemeClr val="accent3">
                <a:tint val="50000"/>
              </a:schemeClr>
            </a:lnRef>
          </a:right>
          <a:top>
            <a:lnRef idx="1">
              <a:schemeClr val="accent3">
                <a:tint val="50000"/>
              </a:schemeClr>
            </a:lnRef>
          </a:top>
          <a:bottom>
            <a:lnRef idx="1">
              <a:schemeClr val="accent3">
                <a:tint val="50000"/>
              </a:schemeClr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lt1">
              <a:alpha val="20000"/>
            </a:schemeClr>
          </a:solidFill>
        </a:fill>
      </a:tcStyle>
    </a:band1H>
    <a:band1V>
      <a:tcStyle>
        <a:tcBdr/>
        <a:fill>
          <a:solidFill>
            <a:schemeClr val="lt1">
              <a:alpha val="20000"/>
            </a:schemeClr>
          </a:solidFill>
        </a:fill>
      </a:tcStyle>
    </a:band1V>
    <a:lastCol>
      <a:tcTxStyle b="on"/>
      <a:tcStyle>
        <a:tcBdr>
          <a:left>
            <a:lnRef idx="2">
              <a:schemeClr val="lt1"/>
            </a:lnRef>
          </a:left>
        </a:tcBdr>
      </a:tcStyle>
    </a:lastCol>
    <a:firstCol>
      <a:tcTxStyle b="on"/>
      <a:tcStyle>
        <a:tcBdr>
          <a:right>
            <a:lnRef idx="2">
              <a:schemeClr val="lt1"/>
            </a:lnRef>
          </a:right>
        </a:tcBdr>
      </a:tcStyle>
    </a:firstCol>
    <a:lastRow>
      <a:tcTxStyle b="on"/>
      <a:tcStyle>
        <a:tcBdr>
          <a:top>
            <a:lnRef idx="2">
              <a:schemeClr val="lt1"/>
            </a:lnRef>
          </a:top>
        </a:tcBdr>
        <a:fill>
          <a:noFill/>
        </a:fill>
      </a:tcStyle>
    </a:lastRow>
    <a:seCell>
      <a:tcStyle>
        <a:tcBdr>
          <a:left>
            <a:ln>
              <a:noFill/>
            </a:ln>
          </a:left>
          <a:top>
            <a:ln>
              <a:noFill/>
            </a:ln>
          </a:top>
        </a:tcBdr>
      </a:tcStyle>
    </a:seCell>
    <a:swCell>
      <a:tcStyle>
        <a:tcBdr>
          <a:right>
            <a:ln>
              <a:noFill/>
            </a:ln>
          </a:right>
          <a:top>
            <a:ln>
              <a:noFill/>
            </a:ln>
          </a:top>
        </a:tcBdr>
      </a:tcStyle>
    </a:swCell>
    <a:firstRow>
      <a:tcTxStyle b="on"/>
      <a:tcStyle>
        <a:tcBdr>
          <a:bottom>
            <a:lnRef idx="3">
              <a:schemeClr val="lt1"/>
            </a:lnRef>
          </a:bottom>
        </a:tcBdr>
        <a:fill>
          <a:noFill/>
        </a:fill>
      </a:tcStyle>
    </a:firstRow>
    <a:neCell>
      <a:tcStyle>
        <a:tcBdr>
          <a:bottom>
            <a:ln>
              <a:noFill/>
            </a:ln>
          </a:bottom>
        </a:tcBdr>
      </a:tcStyle>
    </a:neCel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0019" autoAdjust="0"/>
    <p:restoredTop sz="94660"/>
  </p:normalViewPr>
  <p:slideViewPr>
    <p:cSldViewPr snapToGrid="0">
      <p:cViewPr varScale="1">
        <p:scale>
          <a:sx n="106" d="100"/>
          <a:sy n="106" d="100"/>
        </p:scale>
        <p:origin x="504" y="96"/>
      </p:cViewPr>
      <p:guideLst>
        <p:guide orient="horz" pos="2160"/>
        <p:guide pos="619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84" d="100"/>
          <a:sy n="84" d="100"/>
        </p:scale>
        <p:origin x="2976" y="102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bleStyles" Target="tableStyles.xml"/><Relationship Id="rId3" Type="http://schemas.openxmlformats.org/officeDocument/2006/relationships/notesMaster" Target="notesMasters/notesMaster1.xml"/><Relationship Id="rId7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viewProps" Target="viewProps.xml"/><Relationship Id="rId5" Type="http://schemas.openxmlformats.org/officeDocument/2006/relationships/presProps" Target="presProps.xml"/><Relationship Id="rId4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C07E79B9-E8A8-4933-8BFD-00CB5B37C254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1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CC209CE1-1207-406F-8EB2-7DF74FEA2F49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1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EE6EF6-A92B-4405-A0E8-8D233A474C39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57CBBD8E-9BEE-47D4-8350-9278D411F32F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5827B68E-87AB-40FD-9284-59D018B37380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19B5FAA-489D-4072-8DE0-23B6A0FB284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29631632"/>
      </p:ext>
    </p:extLst>
  </p:cSld>
  <p:clrMap bg1="lt1" tx1="dk1" bg2="lt2" tx2="dk2" accent1="accent1" accent2="accent2" accent3="accent3" accent4="accent4" accent5="accent5" accent6="accent6" hlink="hlink" folHlink="folHlink"/>
  <p:hf sldNum="0" hdr="0" dt="0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hyperlink" Target="https://www.ispringsolutions.com/ispring-suite" TargetMode="External"/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183881"/>
            <a:ext cx="6572250" cy="960121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US" dirty="0">
                <a:solidFill>
                  <a:schemeClr val="bg1">
                    <a:lumMod val="50000"/>
                  </a:schemeClr>
                </a:solidFill>
                <a:latin typeface="Roboto" panose="02000000000000000000" pitchFamily="2" charset="0"/>
                <a:ea typeface="Roboto" panose="02000000000000000000" pitchFamily="2" charset="0"/>
              </a:rPr>
              <a:t>Create a storyboard and build an eLearning course in </a:t>
            </a:r>
            <a:r>
              <a:rPr lang="en-US" dirty="0">
                <a:solidFill>
                  <a:schemeClr val="bg1">
                    <a:lumMod val="50000"/>
                  </a:schemeClr>
                </a:solidFill>
                <a:latin typeface="Roboto" panose="02000000000000000000" pitchFamily="2" charset="0"/>
                <a:ea typeface="Roboto" panose="02000000000000000000" pitchFamily="2" charset="0"/>
                <a:hlinkClick r:id="rId2"/>
              </a:rPr>
              <a:t>iSpring Suite.</a:t>
            </a:r>
            <a:endParaRPr lang="ru-RU" dirty="0">
              <a:solidFill>
                <a:schemeClr val="bg1">
                  <a:lumMod val="50000"/>
                </a:schemeClr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  <a:p>
            <a:endParaRPr lang="ru-RU" dirty="0"/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C320C9A7-9759-4DC8-B953-41E0DFB0E32E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870" y="8368153"/>
            <a:ext cx="1988820" cy="29578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78244946"/>
      </p:ext>
    </p:extLst>
  </p:cSld>
  <p:clrMap bg1="lt1" tx1="dk1" bg2="lt2" tx2="dk2" accent1="accent1" accent2="accent2" accent3="accent3" accent4="accent4" accent5="accent5" accent6="accent6" hlink="hlink" folHlink="folHlink"/>
  <p:hf sldNum="0" hd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>
          <a:xfrm>
            <a:off x="685800" y="4400549"/>
            <a:ext cx="5486400" cy="3600451"/>
          </a:xfrm>
          <a:prstGeom prst="rect">
            <a:avLst/>
          </a:prstGeom>
        </p:spPr>
        <p:txBody>
          <a:bodyPr/>
          <a:lstStyle/>
          <a:p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4"/>
          </p:nvPr>
        </p:nvSpPr>
        <p:spPr>
          <a:xfrm>
            <a:off x="0" y="8183881"/>
            <a:ext cx="6572250" cy="960121"/>
          </a:xfrm>
          <a:prstGeom prst="rect">
            <a:avLst/>
          </a:prstGeom>
        </p:spPr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7872348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EBAAB52-108F-43C9-A51E-CA92AEA9A39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406DB0F0-0B84-4131-ACB3-D80BCA55695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17A8974-F094-4D8C-A73A-90D7B2FD3C6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8790790-1381-4409-B401-57486F59DEB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D271D5B-489B-4786-9F07-DC7F384A240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19499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1077746-876D-4DA8-86AA-67BF25F3806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335A8C1D-245F-4AE2-862D-3D85AEFC361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C61F2AC-655C-4B61-8A6E-14AFA89907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B976549-0B12-40F3-8D7C-E8256A7F05F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E129AE2-36C2-4F48-983F-3BF3B8D19F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347788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695020EE-F941-4C7F-A6C4-DBFBDFCB8616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34FF7722-9D7B-49FB-85A6-A204988666C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3C7D64C-4C42-4C9B-89C2-2CDAEA8B948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36DABCC-185D-42C1-A449-949757C7F4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920F155-7D53-45D6-A970-57F2400A803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5998437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7408F7E-D2F7-4C36-A723-E009BB767D8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B5907432-FCF1-4E58-91BF-27106F8A885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B1FAC5B-0538-45A7-9154-2D8260342B0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772643C8-7855-4A34-BCDD-4708D15E5D8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920C18C-1925-43DD-809E-4E61A5C1C8D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4056365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2993CDE-92C4-480B-8233-24E874B62EE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F6E0989F-7D44-477A-8786-395A4574FE9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67A131F5-A1D7-4395-A158-0709C14C0E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60084DC-B0B7-4A6E-8CD9-257816693F3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9E72574-C5EF-4726-A205-BCC8F5FC5C9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0374947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DD5E1DB-6BDB-49C2-B444-AAD0DCD4A15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ECFA6F3-0574-40D8-8536-F605439D5B9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7FB547AE-DA7F-4C0D-87F4-FED15D9E6CB7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A34EA6-F480-4B3B-9934-BFEAD24213B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2AD646F-0D26-43CA-9369-88AFEB8F8AF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4EF48A86-FB3F-4975-8257-83CE0B46628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6036755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BFA9A92-3348-4B9A-A652-B68AF8B0A64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97B1DDD-1A43-45FE-AE61-220EC2C4904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3CC1E048-AA68-4971-8E4E-617DF6DF902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484870B2-C292-4DB8-8CAC-4B36ED21BC6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52E3FC02-D0B2-4F81-A215-CDB911D3FA07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38690CFE-1DB4-4031-B66F-CEB28529D3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2AE859E-DA57-451B-867E-2C2164AEBE0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890B1A51-8512-4237-84A0-26352EE93FE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0118930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EEFB2A-95DF-4195-B8E8-3702539A981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9EAE0FBF-2A24-4C97-AD92-638AE89A6EC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D64806AB-94E9-4DE6-BC2C-D6D4FBC812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DC0B456D-83AA-45BE-AFB5-873C7F9DE17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6912128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92881653-0DB3-418E-B64D-D9766C13C9B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7EC83C99-FE68-4617-9CD4-E7F985EBFA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5C4EBD7-6BF0-4835-805D-646070A5343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3088170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468BB21-8DFB-4BF4-964A-05B3F042A8E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A40E48DD-7912-4B88-B732-A6CC69EEDB15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17E393FE-6935-4B4E-B738-C462C0C3E5E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F3F7950D-D868-4739-9A61-D2BA538022F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2532EEF5-C1E0-43E8-A543-2F86296B816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3877AF6E-70AB-43B3-832B-CC0EC7D619C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962244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92A0517-C2FB-477C-9078-D371C59A0C9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7B66FCAA-906E-41B7-BABA-6EEABFD7A444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8356348B-B64D-40F9-BDF2-A7CA5EC9D9B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801E31F-D6BC-4A1E-AF7B-4152BD01472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4229E68F-728A-4A9A-B88E-FBB7BBB80B8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70B193BB-C429-4ACD-B4A0-30AF155CA40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70583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44CF954A-6493-494C-82DF-919258A9F92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CAA47132-CA51-4964-B92F-026F8FFD955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73AC4A7-8BF4-42F6-95FA-64B90E3D854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54E267F-B462-42CB-8A4A-0F213761D3CC}" type="datetimeFigureOut">
              <a:rPr lang="ru-RU" smtClean="0"/>
              <a:t>20.10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FD5598B-637C-4C7A-B953-81803269CF0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95E437A-6296-4494-A5EA-C6EE7454421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7011727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4A416BE4-E129-42ED-9E0F-6F551EEB2058}"/>
              </a:ext>
            </a:extLst>
          </p:cNvPr>
          <p:cNvSpPr txBox="1"/>
          <p:nvPr/>
        </p:nvSpPr>
        <p:spPr>
          <a:xfrm>
            <a:off x="909231" y="435821"/>
            <a:ext cx="4597879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dirty="0">
                <a:solidFill>
                  <a:srgbClr val="353D40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eLearning Storyboard 101:</a:t>
            </a:r>
            <a:endParaRPr lang="ru-RU" sz="1400" dirty="0">
              <a:solidFill>
                <a:srgbClr val="353D40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70CAA4C4-317F-4EAC-B53C-B3F2C36C6AE8}"/>
              </a:ext>
            </a:extLst>
          </p:cNvPr>
          <p:cNvSpPr txBox="1"/>
          <p:nvPr/>
        </p:nvSpPr>
        <p:spPr>
          <a:xfrm>
            <a:off x="909231" y="743598"/>
            <a:ext cx="546052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>
                <a:solidFill>
                  <a:srgbClr val="353D40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How to Map Out an Online Course</a:t>
            </a:r>
          </a:p>
        </p:txBody>
      </p:sp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AF4647F1-A761-42AB-BF18-671C4C7E948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79097263"/>
              </p:ext>
            </p:extLst>
          </p:nvPr>
        </p:nvGraphicFramePr>
        <p:xfrm>
          <a:off x="982663" y="1331843"/>
          <a:ext cx="9682024" cy="4834261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4841012">
                  <a:extLst>
                    <a:ext uri="{9D8B030D-6E8A-4147-A177-3AD203B41FA5}">
                      <a16:colId xmlns:a16="http://schemas.microsoft.com/office/drawing/2014/main" val="2771282844"/>
                    </a:ext>
                  </a:extLst>
                </a:gridCol>
                <a:gridCol w="4841012">
                  <a:extLst>
                    <a:ext uri="{9D8B030D-6E8A-4147-A177-3AD203B41FA5}">
                      <a16:colId xmlns:a16="http://schemas.microsoft.com/office/drawing/2014/main" val="717041292"/>
                    </a:ext>
                  </a:extLst>
                </a:gridCol>
              </a:tblGrid>
              <a:tr h="58795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Screen Name/Number</a:t>
                      </a:r>
                      <a:endParaRPr lang="ru-RU" sz="14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Couse/Lesson/Topic</a:t>
                      </a:r>
                      <a:endParaRPr lang="ru-RU" sz="1400" dirty="0">
                        <a:solidFill>
                          <a:srgbClr val="353D40"/>
                        </a:solidFill>
                        <a:latin typeface="Roboto Medium" panose="02000000000000000000" pitchFamily="2" charset="0"/>
                        <a:ea typeface="Roboto Medium" panose="02000000000000000000" pitchFamily="2" charset="0"/>
                      </a:endParaRPr>
                    </a:p>
                    <a:p>
                      <a:endParaRPr lang="ru-RU" sz="14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541254445"/>
                  </a:ext>
                </a:extLst>
              </a:tr>
              <a:tr h="58795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Media Assets List (Name/Number)</a:t>
                      </a:r>
                      <a:endParaRPr lang="ru-RU" sz="1400" dirty="0">
                        <a:solidFill>
                          <a:srgbClr val="353D40"/>
                        </a:solidFill>
                        <a:latin typeface="Roboto Medium" panose="02000000000000000000" pitchFamily="2" charset="0"/>
                        <a:ea typeface="Roboto Medium" panose="02000000000000000000" pitchFamily="2" charset="0"/>
                      </a:endParaRPr>
                    </a:p>
                    <a:p>
                      <a:endParaRPr lang="en-US" sz="14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Developer Instructions</a:t>
                      </a:r>
                      <a:endParaRPr lang="ru-RU" sz="1400" dirty="0">
                        <a:solidFill>
                          <a:srgbClr val="353D40"/>
                        </a:solidFill>
                        <a:latin typeface="Roboto Medium" panose="02000000000000000000" pitchFamily="2" charset="0"/>
                        <a:ea typeface="Roboto Medium" panose="02000000000000000000" pitchFamily="2" charset="0"/>
                      </a:endParaRPr>
                    </a:p>
                    <a:p>
                      <a:endParaRPr lang="ru-RU" sz="14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9182707"/>
                  </a:ext>
                </a:extLst>
              </a:tr>
              <a:tr h="2269693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Paste stock pics/smart art/other visuals here</a:t>
                      </a:r>
                      <a:endParaRPr lang="ru-RU" sz="1400" b="0" i="0" u="none" strike="noStrike" kern="1200" dirty="0">
                        <a:solidFill>
                          <a:srgbClr val="353D40"/>
                        </a:solidFill>
                        <a:effectLst/>
                        <a:latin typeface="Roboto Medium" panose="02000000000000000000" pitchFamily="2" charset="0"/>
                        <a:ea typeface="Roboto Medium" panose="02000000000000000000" pitchFamily="2" charset="0"/>
                        <a:cs typeface="+mn-cs"/>
                      </a:endParaRPr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36893392"/>
                  </a:ext>
                </a:extLst>
              </a:tr>
              <a:tr h="657130">
                <a:tc gridSpan="2">
                  <a:txBody>
                    <a:bodyPr/>
                    <a:lstStyle/>
                    <a:p>
                      <a:r>
                        <a:rPr lang="en-US" sz="1400" dirty="0">
                          <a:solidFill>
                            <a:srgbClr val="353D40"/>
                          </a:solidFill>
                          <a:latin typeface="Roboto Medium" panose="02000000000000000000" pitchFamily="2" charset="0"/>
                          <a:ea typeface="Roboto Medium" panose="02000000000000000000" pitchFamily="2" charset="0"/>
                        </a:rPr>
                        <a:t>Narration Script</a:t>
                      </a:r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115007230"/>
                  </a:ext>
                </a:extLst>
              </a:tr>
              <a:tr h="657130">
                <a:tc gridSpan="2"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400" dirty="0">
                        <a:solidFill>
                          <a:schemeClr val="bg1">
                            <a:lumMod val="50000"/>
                          </a:schemeClr>
                        </a:solidFill>
                        <a:latin typeface="Roboto" panose="02000000000000000000" pitchFamily="2" charset="0"/>
                        <a:ea typeface="Roboto" panose="02000000000000000000" pitchFamily="2" charset="0"/>
                      </a:endParaRPr>
                    </a:p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400" dirty="0">
                        <a:solidFill>
                          <a:schemeClr val="bg1">
                            <a:lumMod val="50000"/>
                          </a:schemeClr>
                        </a:solidFill>
                        <a:latin typeface="Roboto" panose="02000000000000000000" pitchFamily="2" charset="0"/>
                        <a:ea typeface="Roboto" panose="02000000000000000000" pitchFamily="2" charset="0"/>
                      </a:endParaRPr>
                    </a:p>
                    <a:p>
                      <a:endParaRPr lang="ru-RU" sz="1400" dirty="0">
                        <a:solidFill>
                          <a:schemeClr val="bg1">
                            <a:lumMod val="50000"/>
                          </a:schemeClr>
                        </a:solidFill>
                        <a:latin typeface="Roboto" panose="02000000000000000000" pitchFamily="2" charset="0"/>
                        <a:ea typeface="Roboto" panose="02000000000000000000" pitchFamily="2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34673945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4018976112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Custom 10">
      <a:majorFont>
        <a:latin typeface="Roboto"/>
        <a:ea typeface=""/>
        <a:cs typeface=""/>
      </a:majorFont>
      <a:minorFont>
        <a:latin typeface="Roboto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7241</TotalTime>
  <Words>42</Words>
  <Application>Microsoft Office PowerPoint</Application>
  <PresentationFormat>Widescreen</PresentationFormat>
  <Paragraphs>9</Paragraphs>
  <Slides>1</Slides>
  <Notes>1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6" baseType="lpstr">
      <vt:lpstr>Arial</vt:lpstr>
      <vt:lpstr>Calibri</vt:lpstr>
      <vt:lpstr>Roboto</vt:lpstr>
      <vt:lpstr>Roboto Medium</vt:lpstr>
      <vt:lpstr>Office Theme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Evgeniya Bahtina</dc:creator>
  <cp:lastModifiedBy>Madhu Kumar</cp:lastModifiedBy>
  <cp:revision>23</cp:revision>
  <dcterms:created xsi:type="dcterms:W3CDTF">2019-08-27T11:24:33Z</dcterms:created>
  <dcterms:modified xsi:type="dcterms:W3CDTF">2023-10-20T12:45:45Z</dcterms:modified>
</cp:coreProperties>
</file>